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3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水源環境保全・再生事業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-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6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3360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 t="s">
        <v>13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>
        <v>685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>
        <v>197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>
        <v>125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3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>
        <v>0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3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3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3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>
        <v>0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3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>
        <v>0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3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3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3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3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3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3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3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3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3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3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3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>
        <v>72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>
        <v>472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3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3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3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3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3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3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>
        <v>34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>
        <v>-31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3360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>
        <v>158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176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>
        <v>110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>
        <v>-9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>
        <v>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3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3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3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>
        <v>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>
        <v>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3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3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2671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3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3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3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3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3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3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>
        <v>2671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>
        <v>2671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3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3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76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176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3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3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3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3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3535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3535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3535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7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3937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1268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>
        <v>90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>
        <v>9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>
        <v>81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1172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882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>
        <v>278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>
        <v>12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3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6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3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>
        <v>6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2669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>
        <v>2669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>
        <v>2629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>
        <v>40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3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3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3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>
        <v>0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4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3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4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3933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3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3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3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3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3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3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3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3933</v>
      </c>
      <c r="K49" s="89"/>
      <c r="L49" s="90">
        <v>-3933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4540</v>
      </c>
      <c r="K50" s="91"/>
      <c r="L50" s="37">
        <v>4540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4540</v>
      </c>
      <c r="K51" s="91"/>
      <c r="L51" s="37">
        <v>4540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3</v>
      </c>
      <c r="K52" s="91"/>
      <c r="L52" s="37" t="s">
        <v>1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3</v>
      </c>
      <c r="K53" s="91"/>
      <c r="L53" s="37" t="s">
        <v>13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3</v>
      </c>
      <c r="K54" s="91"/>
      <c r="L54" s="37" t="s">
        <v>13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3</v>
      </c>
      <c r="K55" s="91"/>
      <c r="L55" s="37" t="s">
        <v>13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3</v>
      </c>
      <c r="K56" s="91"/>
      <c r="L56" s="37" t="s">
        <v>13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3</v>
      </c>
      <c r="K57" s="91"/>
      <c r="L57" s="37" t="s">
        <v>13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4540</v>
      </c>
      <c r="K58" s="91"/>
      <c r="L58" s="37">
        <v>4540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3</v>
      </c>
      <c r="K59" s="91"/>
      <c r="L59" s="37" t="s">
        <v>13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607</v>
      </c>
      <c r="K60" s="92"/>
      <c r="L60" s="84">
        <v>607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635</v>
      </c>
      <c r="L61" s="37">
        <v>-635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>
        <v>258</v>
      </c>
      <c r="L62" s="37">
        <v>-258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>
        <v>-12</v>
      </c>
      <c r="L63" s="37">
        <v>12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4542</v>
      </c>
      <c r="L64" s="37">
        <v>-4542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4154</v>
      </c>
      <c r="L65" s="37">
        <v>4154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3</v>
      </c>
      <c r="K66" s="94" t="s">
        <v>1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>
        <v>-33</v>
      </c>
      <c r="K67" s="94">
        <v>-33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3</v>
      </c>
      <c r="K68" s="91"/>
      <c r="L68" s="37" t="s">
        <v>13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574</v>
      </c>
      <c r="K69" s="96">
        <v>602</v>
      </c>
      <c r="L69" s="84">
        <v>-28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2962</v>
      </c>
      <c r="K70" s="94">
        <v>2758</v>
      </c>
      <c r="L70" s="37">
        <v>203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3535</v>
      </c>
      <c r="K71" s="100">
        <v>3360</v>
      </c>
      <c r="L71" s="54">
        <v>176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8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3925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1256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>
        <v>90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1160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6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2669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2669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3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3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>
        <v>0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4544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4540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3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4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3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3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3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619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4800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>
        <v>258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4542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3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3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4154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>
        <v>4154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3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3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3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646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3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3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-28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203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176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3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3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3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176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8Z</dcterms:created>
  <dcterms:modified xsi:type="dcterms:W3CDTF">2024-09-18T08:51:39Z</dcterms:modified>
</cp:coreProperties>
</file>